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730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0\do 30 tyś.euro\80_Przeglad pomp infuzyjnych\"/>
    </mc:Choice>
  </mc:AlternateContent>
  <xr:revisionPtr revIDLastSave="0" documentId="13_ncr:1_{DBB92551-C9F1-40C7-ADF0-DE4A965256CC}" xr6:coauthVersionLast="45" xr6:coauthVersionMax="45" xr10:uidLastSave="{00000000-0000-0000-0000-000000000000}"/>
  <bookViews>
    <workbookView xWindow="-28920" yWindow="-120" windowWidth="29040" windowHeight="15840" xr2:uid="{00000000-000D-0000-FFFF-FFFF00000000}"/>
  </bookViews>
  <sheets>
    <sheet name="Arkusz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8" uniqueCount="64">
  <si>
    <t>Nazwa</t>
  </si>
  <si>
    <t>Paszport</t>
  </si>
  <si>
    <t>Producent</t>
  </si>
  <si>
    <t>Nr fabryczny</t>
  </si>
  <si>
    <t>Miejsce użytkowania</t>
  </si>
  <si>
    <t>Model</t>
  </si>
  <si>
    <t>Rok produkcji</t>
  </si>
  <si>
    <t>Pompa infyzyjna 3000</t>
  </si>
  <si>
    <t>1624</t>
  </si>
  <si>
    <t>Smiths Medical</t>
  </si>
  <si>
    <t>300109930</t>
  </si>
  <si>
    <t>Oddział Neonatologii i Intensywnej Terapii Noworodka</t>
  </si>
  <si>
    <t>3000</t>
  </si>
  <si>
    <t>2007</t>
  </si>
  <si>
    <t>Pompa infuzyjna 3150</t>
  </si>
  <si>
    <t>1620</t>
  </si>
  <si>
    <t>12000506</t>
  </si>
  <si>
    <t>3150</t>
  </si>
  <si>
    <t>2067</t>
  </si>
  <si>
    <t>12002979</t>
  </si>
  <si>
    <t>2008</t>
  </si>
  <si>
    <t>1619</t>
  </si>
  <si>
    <t>12000503</t>
  </si>
  <si>
    <t>1615</t>
  </si>
  <si>
    <t>12000500</t>
  </si>
  <si>
    <t>2070</t>
  </si>
  <si>
    <t>12002982</t>
  </si>
  <si>
    <t>1618</t>
  </si>
  <si>
    <t>12000502</t>
  </si>
  <si>
    <t>1621</t>
  </si>
  <si>
    <t>12000507</t>
  </si>
  <si>
    <t>1623</t>
  </si>
  <si>
    <t>12000520</t>
  </si>
  <si>
    <t>2068</t>
  </si>
  <si>
    <t>12002980</t>
  </si>
  <si>
    <t>2066</t>
  </si>
  <si>
    <t>12002978</t>
  </si>
  <si>
    <t>1923</t>
  </si>
  <si>
    <t>12000499</t>
  </si>
  <si>
    <t>Oddział Hematologiczny</t>
  </si>
  <si>
    <t>1924</t>
  </si>
  <si>
    <t>12000515</t>
  </si>
  <si>
    <t>Pompa infuzyjna Graseby 3150</t>
  </si>
  <si>
    <t>741</t>
  </si>
  <si>
    <t>12002984</t>
  </si>
  <si>
    <t>Pracownia Hemodynamiki i Angiokardiografii</t>
  </si>
  <si>
    <t>Graseby 3150</t>
  </si>
  <si>
    <t>1442</t>
  </si>
  <si>
    <t>12000518</t>
  </si>
  <si>
    <t>Oddz. Klin. Chirurgii Ogólnej i Onkologicznej, Oddz. Klin. Chirurgii Naczyniowej</t>
  </si>
  <si>
    <t>743</t>
  </si>
  <si>
    <t>12003042</t>
  </si>
  <si>
    <t>Lp</t>
  </si>
  <si>
    <t>Załącznik nr 2 do Zaproszenie  - wykaz urządzeń</t>
  </si>
  <si>
    <t>AKME</t>
  </si>
  <si>
    <t>Oddział Kliniczny Neurochirurgiczny</t>
  </si>
  <si>
    <t>Zakład Anestezjologiczny</t>
  </si>
  <si>
    <t>S101B01456</t>
  </si>
  <si>
    <t>Podgrzewacz krwi i płynów infuzyjnych Level1 Hotline</t>
  </si>
  <si>
    <t>Pompa strzykawkowa Graseby 3150</t>
  </si>
  <si>
    <t>Pompa infuzyjna GRASEBY-3500</t>
  </si>
  <si>
    <t>GRASEBY-3500</t>
  </si>
  <si>
    <t>Level1 Hotline</t>
  </si>
  <si>
    <t>DZPZ/333/80/20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charset val="238"/>
      <scheme val="minor"/>
    </font>
    <font>
      <b/>
      <sz val="10"/>
      <name val="Arial"/>
      <family val="2"/>
      <charset val="23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8">
    <xf numFmtId="0" fontId="0" fillId="0" borderId="0" xfId="0"/>
    <xf numFmtId="0" fontId="1" fillId="0" borderId="0" xfId="0" applyFont="1"/>
    <xf numFmtId="0" fontId="0" fillId="0" borderId="1" xfId="0" applyBorder="1"/>
    <xf numFmtId="0" fontId="2" fillId="0" borderId="1" xfId="0" applyFont="1" applyBorder="1" applyAlignment="1">
      <alignment horizontal="center"/>
    </xf>
    <xf numFmtId="0" fontId="0" fillId="0" borderId="1" xfId="0" applyBorder="1" applyAlignment="1">
      <alignment horizontal="left" vertical="center" wrapText="1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wrapText="1"/>
    </xf>
    <xf numFmtId="0" fontId="0" fillId="0" borderId="1" xfId="0" applyBorder="1" applyAlignment="1">
      <alignment horizontal="left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23"/>
  <sheetViews>
    <sheetView tabSelected="1" zoomScale="80" zoomScaleNormal="80" workbookViewId="0">
      <selection activeCell="Q5" sqref="Q5"/>
    </sheetView>
  </sheetViews>
  <sheetFormatPr defaultRowHeight="15" x14ac:dyDescent="0.25"/>
  <cols>
    <col min="1" max="1" width="4.140625" customWidth="1"/>
    <col min="2" max="2" width="22.7109375" customWidth="1"/>
    <col min="3" max="3" width="10.28515625" customWidth="1"/>
    <col min="4" max="4" width="12.7109375" customWidth="1"/>
    <col min="5" max="5" width="13.28515625" customWidth="1"/>
    <col min="6" max="6" width="24" customWidth="1"/>
    <col min="7" max="7" width="18.42578125" customWidth="1"/>
    <col min="8" max="8" width="17.140625" customWidth="1"/>
  </cols>
  <sheetData>
    <row r="1" spans="1:8" x14ac:dyDescent="0.25">
      <c r="A1" s="1" t="s">
        <v>53</v>
      </c>
      <c r="F1" t="s">
        <v>63</v>
      </c>
    </row>
    <row r="3" spans="1:8" x14ac:dyDescent="0.25">
      <c r="A3" s="2" t="s">
        <v>52</v>
      </c>
      <c r="B3" s="3" t="s">
        <v>0</v>
      </c>
      <c r="C3" s="3" t="s">
        <v>1</v>
      </c>
      <c r="D3" s="3" t="s">
        <v>2</v>
      </c>
      <c r="E3" s="3" t="s">
        <v>3</v>
      </c>
      <c r="F3" s="3" t="s">
        <v>4</v>
      </c>
      <c r="G3" s="3" t="s">
        <v>5</v>
      </c>
      <c r="H3" s="3" t="s">
        <v>6</v>
      </c>
    </row>
    <row r="4" spans="1:8" ht="66.75" customHeight="1" x14ac:dyDescent="0.25">
      <c r="A4" s="5">
        <v>1</v>
      </c>
      <c r="B4" s="4" t="s">
        <v>7</v>
      </c>
      <c r="C4" s="4" t="s">
        <v>8</v>
      </c>
      <c r="D4" s="4" t="s">
        <v>9</v>
      </c>
      <c r="E4" s="4" t="s">
        <v>10</v>
      </c>
      <c r="F4" s="4" t="s">
        <v>11</v>
      </c>
      <c r="G4" s="4" t="s">
        <v>12</v>
      </c>
      <c r="H4" s="4" t="s">
        <v>13</v>
      </c>
    </row>
    <row r="5" spans="1:8" ht="63" customHeight="1" x14ac:dyDescent="0.25">
      <c r="A5" s="5">
        <v>2</v>
      </c>
      <c r="B5" s="4" t="s">
        <v>14</v>
      </c>
      <c r="C5" s="4" t="s">
        <v>15</v>
      </c>
      <c r="D5" s="4" t="s">
        <v>9</v>
      </c>
      <c r="E5" s="4" t="s">
        <v>16</v>
      </c>
      <c r="F5" s="4" t="s">
        <v>11</v>
      </c>
      <c r="G5" s="4" t="s">
        <v>17</v>
      </c>
      <c r="H5" s="4" t="s">
        <v>13</v>
      </c>
    </row>
    <row r="6" spans="1:8" ht="66.75" customHeight="1" x14ac:dyDescent="0.25">
      <c r="A6" s="5">
        <v>3</v>
      </c>
      <c r="B6" s="4" t="s">
        <v>14</v>
      </c>
      <c r="C6" s="4" t="s">
        <v>18</v>
      </c>
      <c r="D6" s="4" t="s">
        <v>9</v>
      </c>
      <c r="E6" s="4" t="s">
        <v>19</v>
      </c>
      <c r="F6" s="4" t="s">
        <v>11</v>
      </c>
      <c r="G6" s="4" t="s">
        <v>17</v>
      </c>
      <c r="H6" s="4" t="s">
        <v>20</v>
      </c>
    </row>
    <row r="7" spans="1:8" ht="65.25" customHeight="1" x14ac:dyDescent="0.25">
      <c r="A7" s="5">
        <v>4</v>
      </c>
      <c r="B7" s="4" t="s">
        <v>14</v>
      </c>
      <c r="C7" s="4" t="s">
        <v>21</v>
      </c>
      <c r="D7" s="4" t="s">
        <v>9</v>
      </c>
      <c r="E7" s="4" t="s">
        <v>22</v>
      </c>
      <c r="F7" s="4" t="s">
        <v>11</v>
      </c>
      <c r="G7" s="4" t="s">
        <v>17</v>
      </c>
      <c r="H7" s="4" t="s">
        <v>13</v>
      </c>
    </row>
    <row r="8" spans="1:8" ht="55.5" customHeight="1" x14ac:dyDescent="0.25">
      <c r="A8" s="5">
        <v>5</v>
      </c>
      <c r="B8" s="4" t="s">
        <v>14</v>
      </c>
      <c r="C8" s="4" t="s">
        <v>23</v>
      </c>
      <c r="D8" s="4" t="s">
        <v>9</v>
      </c>
      <c r="E8" s="4" t="s">
        <v>24</v>
      </c>
      <c r="F8" s="4" t="s">
        <v>11</v>
      </c>
      <c r="G8" s="4" t="s">
        <v>17</v>
      </c>
      <c r="H8" s="4" t="s">
        <v>13</v>
      </c>
    </row>
    <row r="9" spans="1:8" ht="57" customHeight="1" x14ac:dyDescent="0.25">
      <c r="A9" s="5">
        <v>6</v>
      </c>
      <c r="B9" s="4" t="s">
        <v>14</v>
      </c>
      <c r="C9" s="4" t="s">
        <v>25</v>
      </c>
      <c r="D9" s="4" t="s">
        <v>9</v>
      </c>
      <c r="E9" s="4" t="s">
        <v>26</v>
      </c>
      <c r="F9" s="4" t="s">
        <v>11</v>
      </c>
      <c r="G9" s="4" t="s">
        <v>17</v>
      </c>
      <c r="H9" s="4" t="s">
        <v>20</v>
      </c>
    </row>
    <row r="10" spans="1:8" ht="49.5" customHeight="1" x14ac:dyDescent="0.25">
      <c r="A10" s="5">
        <v>7</v>
      </c>
      <c r="B10" s="4" t="s">
        <v>14</v>
      </c>
      <c r="C10" s="4" t="s">
        <v>27</v>
      </c>
      <c r="D10" s="4" t="s">
        <v>9</v>
      </c>
      <c r="E10" s="4" t="s">
        <v>28</v>
      </c>
      <c r="F10" s="4" t="s">
        <v>11</v>
      </c>
      <c r="G10" s="4" t="s">
        <v>17</v>
      </c>
      <c r="H10" s="4" t="s">
        <v>13</v>
      </c>
    </row>
    <row r="11" spans="1:8" ht="57.75" customHeight="1" x14ac:dyDescent="0.25">
      <c r="A11" s="5">
        <v>8</v>
      </c>
      <c r="B11" s="4" t="s">
        <v>14</v>
      </c>
      <c r="C11" s="4" t="s">
        <v>29</v>
      </c>
      <c r="D11" s="4" t="s">
        <v>9</v>
      </c>
      <c r="E11" s="4" t="s">
        <v>30</v>
      </c>
      <c r="F11" s="4" t="s">
        <v>11</v>
      </c>
      <c r="G11" s="4" t="s">
        <v>17</v>
      </c>
      <c r="H11" s="4" t="s">
        <v>13</v>
      </c>
    </row>
    <row r="12" spans="1:8" ht="57" customHeight="1" x14ac:dyDescent="0.25">
      <c r="A12" s="5">
        <v>9</v>
      </c>
      <c r="B12" s="4" t="s">
        <v>14</v>
      </c>
      <c r="C12" s="4" t="s">
        <v>31</v>
      </c>
      <c r="D12" s="4" t="s">
        <v>9</v>
      </c>
      <c r="E12" s="4" t="s">
        <v>32</v>
      </c>
      <c r="F12" s="4" t="s">
        <v>11</v>
      </c>
      <c r="G12" s="4" t="s">
        <v>17</v>
      </c>
      <c r="H12" s="4" t="s">
        <v>13</v>
      </c>
    </row>
    <row r="13" spans="1:8" ht="59.25" customHeight="1" x14ac:dyDescent="0.25">
      <c r="A13" s="5">
        <v>10</v>
      </c>
      <c r="B13" s="4" t="s">
        <v>14</v>
      </c>
      <c r="C13" s="4" t="s">
        <v>33</v>
      </c>
      <c r="D13" s="4" t="s">
        <v>9</v>
      </c>
      <c r="E13" s="4" t="s">
        <v>34</v>
      </c>
      <c r="F13" s="4" t="s">
        <v>11</v>
      </c>
      <c r="G13" s="4" t="s">
        <v>17</v>
      </c>
      <c r="H13" s="4" t="s">
        <v>20</v>
      </c>
    </row>
    <row r="14" spans="1:8" ht="51.75" customHeight="1" x14ac:dyDescent="0.25">
      <c r="A14" s="5">
        <v>11</v>
      </c>
      <c r="B14" s="4" t="s">
        <v>14</v>
      </c>
      <c r="C14" s="4" t="s">
        <v>35</v>
      </c>
      <c r="D14" s="4" t="s">
        <v>9</v>
      </c>
      <c r="E14" s="4" t="s">
        <v>36</v>
      </c>
      <c r="F14" s="4" t="s">
        <v>11</v>
      </c>
      <c r="G14" s="4" t="s">
        <v>17</v>
      </c>
      <c r="H14" s="4" t="s">
        <v>20</v>
      </c>
    </row>
    <row r="15" spans="1:8" ht="30" x14ac:dyDescent="0.25">
      <c r="A15" s="5">
        <v>12</v>
      </c>
      <c r="B15" s="4" t="s">
        <v>14</v>
      </c>
      <c r="C15" s="4" t="s">
        <v>37</v>
      </c>
      <c r="D15" s="4" t="s">
        <v>9</v>
      </c>
      <c r="E15" s="4" t="s">
        <v>38</v>
      </c>
      <c r="F15" s="4" t="s">
        <v>39</v>
      </c>
      <c r="G15" s="4" t="s">
        <v>17</v>
      </c>
      <c r="H15" s="4" t="s">
        <v>13</v>
      </c>
    </row>
    <row r="16" spans="1:8" ht="30" x14ac:dyDescent="0.25">
      <c r="A16" s="5">
        <v>13</v>
      </c>
      <c r="B16" s="4" t="s">
        <v>14</v>
      </c>
      <c r="C16" s="4" t="s">
        <v>40</v>
      </c>
      <c r="D16" s="4" t="s">
        <v>9</v>
      </c>
      <c r="E16" s="4" t="s">
        <v>41</v>
      </c>
      <c r="F16" s="4" t="s">
        <v>39</v>
      </c>
      <c r="G16" s="4" t="s">
        <v>17</v>
      </c>
      <c r="H16" s="4" t="s">
        <v>13</v>
      </c>
    </row>
    <row r="17" spans="1:8" ht="54" customHeight="1" x14ac:dyDescent="0.25">
      <c r="A17" s="5">
        <v>14</v>
      </c>
      <c r="B17" s="4" t="s">
        <v>42</v>
      </c>
      <c r="C17" s="4" t="s">
        <v>43</v>
      </c>
      <c r="D17" s="4" t="s">
        <v>9</v>
      </c>
      <c r="E17" s="4" t="s">
        <v>44</v>
      </c>
      <c r="F17" s="4" t="s">
        <v>45</v>
      </c>
      <c r="G17" s="4" t="s">
        <v>46</v>
      </c>
      <c r="H17" s="4" t="s">
        <v>20</v>
      </c>
    </row>
    <row r="18" spans="1:8" ht="81" customHeight="1" x14ac:dyDescent="0.25">
      <c r="A18" s="5">
        <v>15</v>
      </c>
      <c r="B18" s="4" t="s">
        <v>14</v>
      </c>
      <c r="C18" s="4" t="s">
        <v>47</v>
      </c>
      <c r="D18" s="4" t="s">
        <v>9</v>
      </c>
      <c r="E18" s="4" t="s">
        <v>48</v>
      </c>
      <c r="F18" s="4" t="s">
        <v>49</v>
      </c>
      <c r="G18" s="4" t="s">
        <v>17</v>
      </c>
      <c r="H18" s="4" t="s">
        <v>13</v>
      </c>
    </row>
    <row r="19" spans="1:8" ht="63.75" customHeight="1" x14ac:dyDescent="0.25">
      <c r="A19" s="5">
        <v>16</v>
      </c>
      <c r="B19" s="4" t="s">
        <v>42</v>
      </c>
      <c r="C19" s="4" t="s">
        <v>50</v>
      </c>
      <c r="D19" s="4" t="s">
        <v>9</v>
      </c>
      <c r="E19" s="4" t="s">
        <v>51</v>
      </c>
      <c r="F19" s="4" t="s">
        <v>45</v>
      </c>
      <c r="G19" s="4" t="s">
        <v>46</v>
      </c>
      <c r="H19" s="4" t="s">
        <v>20</v>
      </c>
    </row>
    <row r="20" spans="1:8" ht="30" x14ac:dyDescent="0.25">
      <c r="A20" s="5">
        <v>17</v>
      </c>
      <c r="B20" s="6" t="s">
        <v>59</v>
      </c>
      <c r="C20" s="7">
        <v>1406</v>
      </c>
      <c r="D20" s="4" t="s">
        <v>9</v>
      </c>
      <c r="E20" s="7">
        <v>12002609</v>
      </c>
      <c r="F20" s="6" t="s">
        <v>55</v>
      </c>
      <c r="G20" s="2" t="s">
        <v>46</v>
      </c>
      <c r="H20" s="7">
        <v>2008</v>
      </c>
    </row>
    <row r="21" spans="1:8" ht="45" x14ac:dyDescent="0.25">
      <c r="A21" s="5">
        <v>18</v>
      </c>
      <c r="B21" s="6" t="s">
        <v>14</v>
      </c>
      <c r="C21" s="7">
        <v>2069</v>
      </c>
      <c r="D21" s="4" t="s">
        <v>9</v>
      </c>
      <c r="E21" s="7">
        <v>12002981</v>
      </c>
      <c r="F21" s="4" t="s">
        <v>11</v>
      </c>
      <c r="G21" s="2">
        <v>3150</v>
      </c>
      <c r="H21" s="7">
        <v>2008</v>
      </c>
    </row>
    <row r="22" spans="1:8" ht="30" x14ac:dyDescent="0.25">
      <c r="A22" s="5">
        <v>19</v>
      </c>
      <c r="B22" s="6" t="s">
        <v>60</v>
      </c>
      <c r="C22" s="7">
        <v>522</v>
      </c>
      <c r="D22" s="4" t="s">
        <v>9</v>
      </c>
      <c r="E22" s="7">
        <v>73515</v>
      </c>
      <c r="F22" s="6" t="s">
        <v>56</v>
      </c>
      <c r="G22" s="2" t="s">
        <v>61</v>
      </c>
      <c r="H22" s="7"/>
    </row>
    <row r="23" spans="1:8" ht="45" x14ac:dyDescent="0.25">
      <c r="A23" s="5">
        <v>20</v>
      </c>
      <c r="B23" s="6" t="s">
        <v>58</v>
      </c>
      <c r="C23" s="7">
        <v>2834</v>
      </c>
      <c r="D23" s="4" t="s">
        <v>54</v>
      </c>
      <c r="E23" s="7" t="s">
        <v>57</v>
      </c>
      <c r="F23" s="6" t="s">
        <v>56</v>
      </c>
      <c r="G23" s="2" t="s">
        <v>62</v>
      </c>
      <c r="H23" s="7">
        <v>2013</v>
      </c>
    </row>
  </sheetData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ata Wachowicz</dc:creator>
  <cp:lastModifiedBy>Beata Wachowicz</cp:lastModifiedBy>
  <dcterms:created xsi:type="dcterms:W3CDTF">2015-06-05T18:19:34Z</dcterms:created>
  <dcterms:modified xsi:type="dcterms:W3CDTF">2020-05-14T11:23:21Z</dcterms:modified>
</cp:coreProperties>
</file>